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webextensions/webextension4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7"/>
  </p:notesMasterIdLst>
  <p:handoutMasterIdLst>
    <p:handoutMasterId r:id="rId8"/>
  </p:handoutMasterIdLst>
  <p:sldIdLst>
    <p:sldId id="357" r:id="rId5"/>
    <p:sldId id="356" r:id="rId6"/>
  </p:sldIdLst>
  <p:sldSz cx="12192000" cy="6858000"/>
  <p:notesSz cx="6858000" cy="9144000"/>
  <p:custDataLst>
    <p:tags r:id="rId9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57"/>
            <p14:sldId id="356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348" autoAdjust="0"/>
    <p:restoredTop sz="96327" autoAdjust="0"/>
  </p:normalViewPr>
  <p:slideViewPr>
    <p:cSldViewPr showGuides="1">
      <p:cViewPr varScale="1">
        <p:scale>
          <a:sx n="127" d="100"/>
          <a:sy n="127" d="100"/>
        </p:scale>
        <p:origin x="808" y="19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tags" Target="tags/tag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1236936383019847"/>
          <c:y val="8.1499971079742731E-2"/>
          <c:w val="0.72449622237525602"/>
          <c:h val="0.5730931298541039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5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tx1">
                  <a:lumMod val="65000"/>
                  <a:lumOff val="3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Pt>
            <c:idx val="7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B08F-6045-9D0C-950E15199E3C}"/>
              </c:ext>
            </c:extLst>
          </c:dPt>
          <c:dLbls>
            <c:dLbl>
              <c:idx val="0"/>
              <c:layout>
                <c:manualLayout>
                  <c:x val="1.6459738872240896E-2"/>
                  <c:y val="2.25413259732025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layout>
                <c:manualLayout>
                  <c:x val="-4.0897309512529026E-2"/>
                  <c:y val="-2.3260567440627797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5.7930475378893849E-3"/>
                  <c:y val="-4.6521134881253885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19050" rIns="360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  <c15:layout>
                    <c:manualLayout>
                      <c:w val="5.8383123258291869E-2"/>
                      <c:h val="4.2477642382145846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layout>
                <c:manualLayout>
                  <c:x val="-4.6009473201595159E-2"/>
                  <c:y val="8.606409953031969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0" rIns="36000" bIns="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layout>
                <c:manualLayout>
                  <c:x val="4.6860959141307376E-17"/>
                  <c:y val="0.1232810074353227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0" rIns="0" bIns="0" anchor="ctr" anchorCtr="0">
                  <a:spAutoFit/>
                </a:bodyPr>
                <a:lstStyle/>
                <a:p>
                  <a:pPr algn="just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dLbl>
              <c:idx val="7"/>
              <c:layout>
                <c:manualLayout>
                  <c:x val="4.8565555046128223E-2"/>
                  <c:y val="8.373804278625700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000" tIns="0" rIns="0" bIns="0" anchor="ctr" anchorCtr="0">
                  <a:spAutoFit/>
                </a:bodyPr>
                <a:lstStyle/>
                <a:p>
                  <a:pPr algn="l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0-B08F-6045-9D0C-950E15199E3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9</c:f>
              <c:strCache>
                <c:ptCount val="8"/>
                <c:pt idx="0">
                  <c:v>  7 536  Flugreisen</c:v>
                </c:pt>
                <c:pt idx="1">
                  <c:v>  6 930  Energie</c:v>
                </c:pt>
                <c:pt idx="2">
                  <c:v>  3 997  Pendelverkehr</c:v>
                </c:pt>
                <c:pt idx="3">
                  <c:v>  3 526  Verpflegung</c:v>
                </c:pt>
                <c:pt idx="4">
                  <c:v>      835  Abfall</c:v>
                </c:pt>
                <c:pt idx="5">
                  <c:v>      106  Fahrzeugflotte</c:v>
                </c:pt>
                <c:pt idx="6">
                  <c:v>         81  Wasser</c:v>
                </c:pt>
                <c:pt idx="7">
                  <c:v>         63 Herstellung Papier</c:v>
                </c:pt>
              </c:strCache>
            </c:strRef>
          </c:cat>
          <c:val>
            <c:numRef>
              <c:f>Tabelle1!$B$2:$B$9</c:f>
              <c:numCache>
                <c:formatCode>General</c:formatCode>
                <c:ptCount val="8"/>
                <c:pt idx="0">
                  <c:v>7536</c:v>
                </c:pt>
                <c:pt idx="1">
                  <c:v>6930</c:v>
                </c:pt>
                <c:pt idx="2">
                  <c:v>3997</c:v>
                </c:pt>
                <c:pt idx="3">
                  <c:v>3526</c:v>
                </c:pt>
                <c:pt idx="4">
                  <c:v>835</c:v>
                </c:pt>
                <c:pt idx="5">
                  <c:v>106</c:v>
                </c:pt>
                <c:pt idx="6">
                  <c:v>81</c:v>
                </c:pt>
                <c:pt idx="7">
                  <c:v>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7.8753426179435176E-2"/>
          <c:y val="0.6812077958985524"/>
          <c:w val="0.8424931476411297"/>
          <c:h val="0.3074210812738021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CDEF-7343-B8B4-2BB24C29F8E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CDEF-7343-B8B4-2BB24C29F8E5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CDEF-7343-B8B4-2BB24C29F8E5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CDEF-7343-B8B4-2BB24C29F8E5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CDEF-7343-B8B4-2BB24C29F8E5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CDEF-7343-B8B4-2BB24C29F8E5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CDEF-7343-B8B4-2BB24C29F8E5}"/>
              </c:ext>
            </c:extLst>
          </c:dPt>
          <c:dLbls>
            <c:dLbl>
              <c:idx val="0"/>
              <c:layout>
                <c:manualLayout>
                  <c:x val="-5.8789882424260476E-2"/>
                  <c:y val="7.675987255406890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CDEF-7343-B8B4-2BB24C29F8E5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CDEF-7343-B8B4-2BB24C29F8E5}"/>
                </c:ext>
              </c:extLst>
            </c:dLbl>
            <c:dLbl>
              <c:idx val="2"/>
              <c:layout>
                <c:manualLayout>
                  <c:x val="9.7291891460228028E-2"/>
                  <c:y val="6.04774753456300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0">
                  <a:spAutoFit/>
                </a:bodyPr>
                <a:lstStyle/>
                <a:p>
                  <a:pPr algn="ctr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  <c15:layout>
                    <c:manualLayout>
                      <c:w val="7.5586815660303425E-2"/>
                      <c:h val="2.9764551774360042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CDEF-7343-B8B4-2BB24C29F8E5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CDEF-7343-B8B4-2BB24C29F8E5}"/>
                </c:ext>
              </c:extLst>
            </c:dLbl>
            <c:dLbl>
              <c:idx val="4"/>
              <c:layout>
                <c:manualLayout>
                  <c:x val="2.8878814835719637E-4"/>
                  <c:y val="9.071621301844504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CDEF-7343-B8B4-2BB24C29F8E5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CDEF-7343-B8B4-2BB24C29F8E5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CDEF-7343-B8B4-2BB24C29F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miter lim="800000"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6</c:f>
              <c:strCache>
                <c:ptCount val="5"/>
                <c:pt idx="0">
                  <c:v>  63.2  Elektrizität</c:v>
                </c:pt>
                <c:pt idx="1">
                  <c:v>  33.9  Fernwärme</c:v>
                </c:pt>
                <c:pt idx="2">
                  <c:v>    0.7  Heizöl</c:v>
                </c:pt>
                <c:pt idx="3">
                  <c:v>    9.1  Gas</c:v>
                </c:pt>
                <c:pt idx="4">
                  <c:v>    0.1  Holz</c:v>
                </c:pt>
              </c:strCache>
            </c:str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63.2</c:v>
                </c:pt>
                <c:pt idx="1">
                  <c:v>33.9</c:v>
                </c:pt>
                <c:pt idx="2">
                  <c:v>0.7</c:v>
                </c:pt>
                <c:pt idx="3">
                  <c:v>9.1</c:v>
                </c:pt>
                <c:pt idx="4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CDEF-7343-B8B4-2BB24C29F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.17101203067282997"/>
          <c:y val="0.74222804000964127"/>
          <c:w val="0.43309725753402772"/>
          <c:h val="0.1969371510456998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08.04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08.04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530161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08.04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de-CH" dirty="0"/>
              <a:t>Bildlegende hinzufüge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3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Kapitel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Vorname 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08.04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Zweite Ebene (Untertitel)</a:t>
            </a:r>
          </a:p>
          <a:p>
            <a:pPr lvl="2"/>
            <a:r>
              <a:rPr lang="de-CH" noProof="0" dirty="0"/>
              <a:t>Dritte Ebene (Vorname Name/Datum)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Vorname Name</a:t>
            </a:r>
          </a:p>
          <a:p>
            <a:pPr lvl="0"/>
            <a:r>
              <a:rPr lang="de-CH" noProof="0" dirty="0"/>
              <a:t>Funk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 dirty="0"/>
              <a:t>Inhalt hinzufüg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2738813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Titel hinzufügen</a:t>
            </a:r>
          </a:p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  <a:endParaRPr lang="de-CH" noProof="0" dirty="0"/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 dirty="0"/>
              <a:t>Kontakt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Titel hinzufügen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 dirty="0"/>
              <a:t>Quelle hinzufügen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898839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Text hinzufügen</a:t>
            </a:r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Tite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5722937" cy="621975"/>
          </a:xfrm>
        </p:spPr>
        <p:txBody>
          <a:bodyPr/>
          <a:lstStyle/>
          <a:p>
            <a:r>
              <a:rPr lang="de-CH" dirty="0"/>
              <a:t>Kapiteltitel hinzufügen</a:t>
            </a:r>
            <a:endParaRPr lang="de-CH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de-CH" dirty="0"/>
              <a:t>Inhalt hinzufügen</a:t>
            </a:r>
          </a:p>
          <a:p>
            <a:pPr lvl="1"/>
            <a:r>
              <a:rPr lang="de-CH" dirty="0"/>
              <a:t>Zweite </a:t>
            </a:r>
            <a:r>
              <a:rPr lang="de-CH" noProof="0" dirty="0"/>
              <a:t>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Kapitel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/>
              <a:t>Quelle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5" y="6424761"/>
            <a:ext cx="10015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dirty="0">
                <a:latin typeface="Source Sans Pro SemiBold" panose="020B0603030403020204" pitchFamily="34" charset="0"/>
              </a:rPr>
              <a:t>Universität Zü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3248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6"/>
            </p:custDataLst>
          </p:nvPr>
        </p:nvSpPr>
        <p:spPr>
          <a:xfrm>
            <a:off x="14292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sationseinhe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8.04.2026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667" r:id="rId2"/>
    <p:sldLayoutId id="2147483683" r:id="rId3"/>
    <p:sldLayoutId id="2147483698" r:id="rId4"/>
    <p:sldLayoutId id="2147483695" r:id="rId5"/>
    <p:sldLayoutId id="2147483659" r:id="rId6"/>
    <p:sldLayoutId id="2147483669" r:id="rId7"/>
    <p:sldLayoutId id="2147483661" r:id="rId8"/>
    <p:sldLayoutId id="2147483674" r:id="rId9"/>
    <p:sldLayoutId id="2147483699" r:id="rId10"/>
    <p:sldLayoutId id="2147483675" r:id="rId11"/>
    <p:sldLayoutId id="2147483697" r:id="rId12"/>
    <p:sldLayoutId id="2147483671" r:id="rId13"/>
    <p:sldLayoutId id="2147483682" r:id="rId14"/>
    <p:sldLayoutId id="2147483684" r:id="rId15"/>
    <p:sldLayoutId id="2147483677" r:id="rId16"/>
    <p:sldLayoutId id="2147483672" r:id="rId17"/>
    <p:sldLayoutId id="2147483679" r:id="rId18"/>
    <p:sldLayoutId id="2147483685" r:id="rId19"/>
    <p:sldLayoutId id="2147483680" r:id="rId20"/>
    <p:sldLayoutId id="2147483681" r:id="rId21"/>
    <p:sldLayoutId id="2147483686" r:id="rId22"/>
    <p:sldLayoutId id="2147483687" r:id="rId23"/>
    <p:sldLayoutId id="2147483691" r:id="rId24"/>
    <p:sldLayoutId id="2147483690" r:id="rId25"/>
    <p:sldLayoutId id="2147483696" r:id="rId26"/>
    <p:sldLayoutId id="2147483688" r:id="rId27"/>
    <p:sldLayoutId id="2147483692" r:id="rId28"/>
    <p:sldLayoutId id="2147483670" r:id="rId29"/>
    <p:sldLayoutId id="2147483700" r:id="rId30"/>
    <p:sldLayoutId id="2147483678" r:id="rId31"/>
    <p:sldLayoutId id="2147483693" r:id="rId32"/>
    <p:sldLayoutId id="2147483663" r:id="rId33"/>
    <p:sldLayoutId id="2147483664" r:id="rId34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feld 19">
            <a:extLst>
              <a:ext uri="{FF2B5EF4-FFF2-40B4-BE49-F238E27FC236}">
                <a16:creationId xmlns:a16="http://schemas.microsoft.com/office/drawing/2014/main" id="{7DC7A933-6560-FEE7-1521-0AFACA1B71E7}"/>
              </a:ext>
            </a:extLst>
          </p:cNvPr>
          <p:cNvSpPr txBox="1"/>
          <p:nvPr/>
        </p:nvSpPr>
        <p:spPr>
          <a:xfrm>
            <a:off x="269875" y="811403"/>
            <a:ext cx="3761876" cy="5429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nergiebedarf 2024</a:t>
            </a:r>
          </a:p>
          <a:p>
            <a:r>
              <a:rPr lang="de-CH" sz="1000" b="1" dirty="0"/>
              <a:t>(in GWh) </a:t>
            </a:r>
            <a:endParaRPr lang="de-CH" sz="1000" dirty="0"/>
          </a:p>
          <a:p>
            <a:endParaRPr lang="de-CH" sz="1000" b="1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Nachhaltigkeit </a:t>
            </a:r>
            <a:br>
              <a:rPr lang="de-CH" dirty="0"/>
            </a:br>
            <a:r>
              <a:rPr lang="de-CH" dirty="0"/>
              <a:t>  </a:t>
            </a:r>
            <a:br>
              <a:rPr lang="de-CH" dirty="0"/>
            </a:br>
            <a:endParaRPr lang="de-DE" dirty="0"/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93832113"/>
              </p:ext>
            </p:extLst>
          </p:nvPr>
        </p:nvGraphicFramePr>
        <p:xfrm>
          <a:off x="5754117" y="941939"/>
          <a:ext cx="5256584" cy="558432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6744072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Treibhausgasemissionen 2024 </a:t>
            </a:r>
          </a:p>
          <a:p>
            <a:r>
              <a:rPr lang="de-CH" sz="1000" b="1" dirty="0"/>
              <a:t>(in t </a:t>
            </a:r>
            <a:r>
              <a:rPr lang="de-CH" sz="1000" b="1" dirty="0" err="1"/>
              <a:t>CO₂e</a:t>
            </a:r>
            <a:r>
              <a:rPr lang="de-CH" sz="1000" b="1" dirty="0"/>
              <a:t>)</a:t>
            </a:r>
          </a:p>
        </p:txBody>
      </p:sp>
      <p:sp>
        <p:nvSpPr>
          <p:cNvPr id="26" name="Textfeld 25">
            <a:extLst>
              <a:ext uri="{FF2B5EF4-FFF2-40B4-BE49-F238E27FC236}">
                <a16:creationId xmlns:a16="http://schemas.microsoft.com/office/drawing/2014/main" id="{C30A00E7-9CD2-4D57-00AB-2D5B371B67E5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CF3E3DA7-B810-6D3C-3773-B86EF73AF114}"/>
              </a:ext>
            </a:extLst>
          </p:cNvPr>
          <p:cNvSpPr txBox="1">
            <a:spLocks/>
          </p:cNvSpPr>
          <p:nvPr/>
        </p:nvSpPr>
        <p:spPr>
          <a:xfrm>
            <a:off x="7487866" y="2634163"/>
            <a:ext cx="1645069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4400"/>
              </a:lnSpc>
              <a:buNone/>
            </a:pPr>
            <a:r>
              <a:rPr lang="de-CH" sz="4400" b="1" dirty="0">
                <a:solidFill>
                  <a:srgbClr val="0027A4"/>
                </a:solidFill>
                <a:effectLst/>
                <a:latin typeface="Source Sans Pro" panose="020B0503030403020204" pitchFamily="34" charset="0"/>
              </a:rPr>
              <a:t>23 074</a:t>
            </a:r>
            <a:endParaRPr lang="de-CH" sz="4400" dirty="0">
              <a:solidFill>
                <a:srgbClr val="0027A4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13" name="Inhaltsplatzhalter 6">
            <a:extLst>
              <a:ext uri="{FF2B5EF4-FFF2-40B4-BE49-F238E27FC236}">
                <a16:creationId xmlns:a16="http://schemas.microsoft.com/office/drawing/2014/main" id="{811D3819-82C7-E62D-E9CE-1778CB88A953}"/>
              </a:ext>
            </a:extLst>
          </p:cNvPr>
          <p:cNvSpPr txBox="1">
            <a:spLocks/>
          </p:cNvSpPr>
          <p:nvPr/>
        </p:nvSpPr>
        <p:spPr>
          <a:xfrm>
            <a:off x="7554316" y="3215043"/>
            <a:ext cx="1512167" cy="64600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in t </a:t>
            </a:r>
            <a:r>
              <a:rPr lang="de-CH" sz="1500" b="1" dirty="0" err="1"/>
              <a:t>CO₂e</a:t>
            </a:r>
            <a:r>
              <a:rPr lang="de-CH" sz="1500" b="1" dirty="0"/>
              <a:t> </a:t>
            </a:r>
            <a:endParaRPr lang="de-CH" sz="1500" dirty="0"/>
          </a:p>
        </p:txBody>
      </p:sp>
      <p:cxnSp>
        <p:nvCxnSpPr>
          <p:cNvPr id="14" name="Gerader Verbinder 15">
            <a:extLst>
              <a:ext uri="{FF2B5EF4-FFF2-40B4-BE49-F238E27FC236}">
                <a16:creationId xmlns:a16="http://schemas.microsoft.com/office/drawing/2014/main" id="{5CD17C5A-D9FA-FAF0-08BD-6C681AE34A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7554317" y="3140972"/>
            <a:ext cx="1512168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9" name="Diagramm 18" descr="Ein Kreisdiagramm mit 2 Kategorien.">
            <a:extLst>
              <a:ext uri="{FF2B5EF4-FFF2-40B4-BE49-F238E27FC236}">
                <a16:creationId xmlns:a16="http://schemas.microsoft.com/office/drawing/2014/main" id="{F1D113BD-DEE6-E5D4-8B84-255A5900CB9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600713290"/>
              </p:ext>
            </p:extLst>
          </p:nvPr>
        </p:nvGraphicFramePr>
        <p:xfrm>
          <a:off x="189001" y="745695"/>
          <a:ext cx="430765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1" name="Inhaltsplatzhalter 6">
            <a:extLst>
              <a:ext uri="{FF2B5EF4-FFF2-40B4-BE49-F238E27FC236}">
                <a16:creationId xmlns:a16="http://schemas.microsoft.com/office/drawing/2014/main" id="{C0BD235D-3443-B8FB-8E3D-4B2A6EB990E4}"/>
              </a:ext>
            </a:extLst>
          </p:cNvPr>
          <p:cNvSpPr txBox="1">
            <a:spLocks/>
          </p:cNvSpPr>
          <p:nvPr/>
        </p:nvSpPr>
        <p:spPr>
          <a:xfrm>
            <a:off x="1320353" y="2515821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7</a:t>
            </a:r>
          </a:p>
        </p:txBody>
      </p:sp>
      <p:sp>
        <p:nvSpPr>
          <p:cNvPr id="22" name="Inhaltsplatzhalter 6">
            <a:extLst>
              <a:ext uri="{FF2B5EF4-FFF2-40B4-BE49-F238E27FC236}">
                <a16:creationId xmlns:a16="http://schemas.microsoft.com/office/drawing/2014/main" id="{B11041B2-5F94-F765-536F-0FFF8C2846EB}"/>
              </a:ext>
            </a:extLst>
          </p:cNvPr>
          <p:cNvSpPr txBox="1">
            <a:spLocks/>
          </p:cNvSpPr>
          <p:nvPr/>
        </p:nvSpPr>
        <p:spPr>
          <a:xfrm>
            <a:off x="1320353" y="3143032"/>
            <a:ext cx="12600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in GWh </a:t>
            </a:r>
            <a:endParaRPr lang="de-CH" sz="1500" dirty="0"/>
          </a:p>
        </p:txBody>
      </p:sp>
      <p:cxnSp>
        <p:nvCxnSpPr>
          <p:cNvPr id="23" name="Gerader Verbinder 15">
            <a:extLst>
              <a:ext uri="{FF2B5EF4-FFF2-40B4-BE49-F238E27FC236}">
                <a16:creationId xmlns:a16="http://schemas.microsoft.com/office/drawing/2014/main" id="{7CCE07F3-0C87-94AD-4028-0231717190F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320353" y="3105989"/>
            <a:ext cx="1260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85341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feld 23">
            <a:extLst>
              <a:ext uri="{FF2B5EF4-FFF2-40B4-BE49-F238E27FC236}">
                <a16:creationId xmlns:a16="http://schemas.microsoft.com/office/drawing/2014/main" id="{9E37AA5D-FB49-D84E-5A0C-0BB32890330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700" dirty="0"/>
              <a:t>Quelle: UZH-Jahresbericht 2025</a:t>
            </a:r>
          </a:p>
        </p:txBody>
      </p:sp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11650662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dirty="0"/>
              <a:t>Nachhaltigkeit </a:t>
            </a:r>
          </a:p>
          <a:p>
            <a:pPr>
              <a:buFontTx/>
            </a:pPr>
            <a:r>
              <a:rPr lang="de-CH" dirty="0"/>
              <a:t>  </a:t>
            </a:r>
            <a:br>
              <a:rPr lang="de-CH" dirty="0"/>
            </a:br>
            <a:endParaRPr lang="de-DE" dirty="0"/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269875" y="811403"/>
            <a:ext cx="6323658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ntwicklung Energiebedarf </a:t>
            </a:r>
            <a:endParaRPr lang="de-CH" dirty="0"/>
          </a:p>
          <a:p>
            <a:r>
              <a:rPr lang="de-CH" sz="1000" b="1" dirty="0"/>
              <a:t>(in GWh) </a:t>
            </a:r>
            <a:endParaRPr lang="de-CH" sz="10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56BE6BB6-2B4F-0F13-7B7D-02986BE02D3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269588" y="1366624"/>
            <a:ext cx="9145013" cy="43177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77746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ESIGNSETTINGS_SIZE" val="1"/>
  <p:tag name="HTTP://SCHEMA.OFFICEATWORK365.COM/2015/DESIGNSETTINGS_0" val="b2ZmaWNlYXR3b3JrRG9jdW1lbnRQYXJ0OlUyRnNkR1ZrWDE5eVowUitSaGQzbjFhOHB0aEJxNWt2Z2dtbWE4TXgxNWtNOGZvVmlSZEdVZXV4UWpCUWcrL1laZElhc3RmV25ERFduOCtyWmRmSDlBPT0"/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EVALUATION_SIZE" val="1"/>
  <p:tag name="HTTP://SCHEMA.OFFICEATWORK365.COM/2015/EVALUATION_0" val="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aesentation Corporate_DE V1.potx" id="{753B5FF9-D08D-44B3-ADAF-68385BEA6FCB}" vid="{598DF0DD-FC1A-4E25-B239-0020688E12D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Relationship Id="rId4" Type="http://schemas.microsoft.com/office/2011/relationships/webextension" Target="webextension4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  <wetp:taskpane dockstate="right" visibility="0" width="350" row="0">
    <wetp:webextensionref xmlns:r="http://schemas.openxmlformats.org/officeDocument/2006/relationships" r:id="rId4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ppt/webextensions/webextension4.xml><?xml version="1.0" encoding="utf-8"?>
<we:webextension xmlns:we="http://schemas.microsoft.com/office/webextensions/webextension/2010/11" id="{36C525B2-0EED-D141-B150-FAAB522506C9}">
  <we:reference id="e849ddb8-6bbd-4833-bd4b-59030099d63e" version="1.0.0.0" store="EXCatalog" storeType="EXCatalog"/>
  <we:alternateReferences>
    <we:reference id="WA200000113" version="1.0.0.0" store="de-DE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83ED25F-1C03-407A-ABF7-1EE1CD23948C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47eff0bb-008a-4c79-bfee-b5d8596475ce"/>
    <ds:schemaRef ds:uri="http://purl.org/dc/terms/"/>
    <ds:schemaRef ds:uri="http://purl.org/dc/elements/1.1/"/>
    <ds:schemaRef ds:uri="http://schemas.openxmlformats.org/package/2006/metadata/core-properties"/>
    <ds:schemaRef ds:uri="http://purl.org/dc/dcmitype/"/>
    <ds:schemaRef ds:uri="bc24777f-78b6-4f3c-a73a-d5fa08e4d537"/>
    <ds:schemaRef ds:uri="c9077d15-72ed-4fec-bcfe-3472729e9195"/>
  </ds:schemaRefs>
</ds:datastoreItem>
</file>

<file path=customXml/itemProps2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9A923C57-C1A3-4D55-924D-96017E85313B}"/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60</Words>
  <Application>Microsoft Macintosh PowerPoint</Application>
  <PresentationFormat>Breitbild</PresentationFormat>
  <Paragraphs>29</Paragraphs>
  <Slides>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</vt:i4>
      </vt:variant>
    </vt:vector>
  </HeadingPairs>
  <TitlesOfParts>
    <vt:vector size="6" baseType="lpstr">
      <vt:lpstr>Arial</vt:lpstr>
      <vt:lpstr>Source Sans Pro</vt:lpstr>
      <vt:lpstr>Source Sans Pro SemiBold</vt:lpstr>
      <vt:lpstr>Benutzerdefiniertes Design</vt:lpstr>
      <vt:lpstr>Nachhaltigkeit     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rporate Präsentation DE</dc:title>
  <dc:creator>Fabiola Thomann</dc:creator>
  <dc:description/>
  <cp:lastModifiedBy>Ren Schnüriger</cp:lastModifiedBy>
  <cp:revision>14</cp:revision>
  <cp:lastPrinted>2026-03-04T11:06:42Z</cp:lastPrinted>
  <dcterms:created xsi:type="dcterms:W3CDTF">2025-10-28T12:35:53Z</dcterms:created>
  <dcterms:modified xsi:type="dcterms:W3CDTF">2026-04-08T15:10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